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更新データ（統計係）\"/>
    </mc:Choice>
  </mc:AlternateContent>
  <bookViews>
    <workbookView xWindow="0" yWindow="0" windowWidth="21600" windowHeight="9690" tabRatio="807"/>
  </bookViews>
  <sheets>
    <sheet name="20-10" sheetId="9" r:id="rId1"/>
  </sheets>
  <definedNames>
    <definedName name="_xlnm.Print_Area" localSheetId="0">'20-10'!$A$1:$L$28</definedName>
  </definedNames>
  <calcPr calcId="152511"/>
</workbook>
</file>

<file path=xl/calcChain.xml><?xml version="1.0" encoding="utf-8"?>
<calcChain xmlns="http://schemas.openxmlformats.org/spreadsheetml/2006/main">
  <c r="K22" i="9" l="1"/>
  <c r="K21" i="9"/>
  <c r="K23" i="9"/>
  <c r="K20" i="9"/>
  <c r="K19" i="9"/>
  <c r="K18" i="9"/>
  <c r="K17" i="9"/>
  <c r="K16" i="9"/>
  <c r="K15" i="9"/>
  <c r="K14" i="9"/>
  <c r="K12" i="9"/>
  <c r="K13" i="9"/>
  <c r="K10" i="9"/>
  <c r="K11" i="9"/>
  <c r="K9" i="9"/>
  <c r="K7" i="9"/>
  <c r="K6" i="9"/>
  <c r="K5" i="9"/>
  <c r="K8" i="9"/>
</calcChain>
</file>

<file path=xl/sharedStrings.xml><?xml version="1.0" encoding="utf-8"?>
<sst xmlns="http://schemas.openxmlformats.org/spreadsheetml/2006/main" count="23" uniqueCount="19">
  <si>
    <t>総数</t>
    <rPh sb="0" eb="2">
      <t>ソウスウ</t>
    </rPh>
    <phoneticPr fontId="2"/>
  </si>
  <si>
    <t>学校数</t>
    <rPh sb="0" eb="2">
      <t>ガッコウ</t>
    </rPh>
    <rPh sb="2" eb="3">
      <t>カズ</t>
    </rPh>
    <phoneticPr fontId="2"/>
  </si>
  <si>
    <t>男</t>
    <rPh sb="0" eb="1">
      <t>オトコ</t>
    </rPh>
    <phoneticPr fontId="2"/>
  </si>
  <si>
    <t>女</t>
    <rPh sb="0" eb="1">
      <t>オンナ</t>
    </rPh>
    <phoneticPr fontId="2"/>
  </si>
  <si>
    <t>職員数</t>
    <rPh sb="0" eb="2">
      <t>ショクイン</t>
    </rPh>
    <rPh sb="2" eb="3">
      <t>カズ</t>
    </rPh>
    <phoneticPr fontId="2"/>
  </si>
  <si>
    <t>資料：学校基本調査</t>
    <rPh sb="0" eb="2">
      <t>シリョウ</t>
    </rPh>
    <rPh sb="3" eb="5">
      <t>ガッコウ</t>
    </rPh>
    <rPh sb="5" eb="7">
      <t>キホン</t>
    </rPh>
    <rPh sb="7" eb="9">
      <t>チョウサ</t>
    </rPh>
    <phoneticPr fontId="2"/>
  </si>
  <si>
    <t>教員数</t>
    <rPh sb="0" eb="2">
      <t>キョウイン</t>
    </rPh>
    <rPh sb="2" eb="3">
      <t>カズ</t>
    </rPh>
    <phoneticPr fontId="2"/>
  </si>
  <si>
    <t>生徒数</t>
    <rPh sb="0" eb="2">
      <t>セイト</t>
    </rPh>
    <rPh sb="2" eb="3">
      <t>カズ</t>
    </rPh>
    <phoneticPr fontId="2"/>
  </si>
  <si>
    <t>年度</t>
    <rPh sb="0" eb="2">
      <t>ネンド</t>
    </rPh>
    <phoneticPr fontId="2"/>
  </si>
  <si>
    <t>公立</t>
    <rPh sb="0" eb="2">
      <t>コウリツ</t>
    </rPh>
    <phoneticPr fontId="2"/>
  </si>
  <si>
    <t>教員1人
当たり生徒数</t>
    <rPh sb="0" eb="2">
      <t>キョウイン</t>
    </rPh>
    <rPh sb="3" eb="4">
      <t>リ</t>
    </rPh>
    <rPh sb="5" eb="6">
      <t>ア</t>
    </rPh>
    <rPh sb="8" eb="10">
      <t>セイト</t>
    </rPh>
    <rPh sb="10" eb="11">
      <t>カズ</t>
    </rPh>
    <phoneticPr fontId="2"/>
  </si>
  <si>
    <t>私立</t>
    <rPh sb="0" eb="2">
      <t>シリツ</t>
    </rPh>
    <phoneticPr fontId="2"/>
  </si>
  <si>
    <t>（単位：校，人）</t>
    <rPh sb="1" eb="3">
      <t>タンイ</t>
    </rPh>
    <rPh sb="4" eb="5">
      <t>コウ</t>
    </rPh>
    <rPh sb="6" eb="7">
      <t>ヒト</t>
    </rPh>
    <phoneticPr fontId="2"/>
  </si>
  <si>
    <t>平成13年度</t>
    <rPh sb="0" eb="2">
      <t>ヘイセイ</t>
    </rPh>
    <rPh sb="4" eb="6">
      <t>ネンド</t>
    </rPh>
    <phoneticPr fontId="2"/>
  </si>
  <si>
    <t>20-10　年度別学校数・生徒数及び教職員数－高等学校－（公立・私立）</t>
    <rPh sb="6" eb="8">
      <t>ネンド</t>
    </rPh>
    <rPh sb="8" eb="9">
      <t>ベツ</t>
    </rPh>
    <rPh sb="9" eb="11">
      <t>ガッコウ</t>
    </rPh>
    <rPh sb="11" eb="12">
      <t>カズ</t>
    </rPh>
    <rPh sb="13" eb="15">
      <t>セイト</t>
    </rPh>
    <rPh sb="15" eb="16">
      <t>カズ</t>
    </rPh>
    <rPh sb="16" eb="17">
      <t>オヨ</t>
    </rPh>
    <rPh sb="18" eb="21">
      <t>キョウショクイン</t>
    </rPh>
    <rPh sb="21" eb="22">
      <t>カズ</t>
    </rPh>
    <rPh sb="29" eb="31">
      <t>コウリツ</t>
    </rPh>
    <rPh sb="32" eb="34">
      <t>シリツ</t>
    </rPh>
    <phoneticPr fontId="2"/>
  </si>
  <si>
    <t>※平成23年度より通信制の数値は公表できなくなりました</t>
    <rPh sb="1" eb="3">
      <t>ヘイセイ</t>
    </rPh>
    <rPh sb="5" eb="7">
      <t>ネンド</t>
    </rPh>
    <rPh sb="9" eb="12">
      <t>ツウシンセイ</t>
    </rPh>
    <rPh sb="13" eb="15">
      <t>スウチ</t>
    </rPh>
    <rPh sb="16" eb="18">
      <t>コウヒョウ</t>
    </rPh>
    <phoneticPr fontId="2"/>
  </si>
  <si>
    <t>※平成27年3月をもって北佐久農業高等学校と臼田高等学校が閉校し、</t>
    <rPh sb="1" eb="3">
      <t>ヘイセイ</t>
    </rPh>
    <rPh sb="5" eb="6">
      <t>ネン</t>
    </rPh>
    <rPh sb="7" eb="8">
      <t>ガツ</t>
    </rPh>
    <rPh sb="12" eb="15">
      <t>キタサク</t>
    </rPh>
    <rPh sb="15" eb="17">
      <t>ノウギョウ</t>
    </rPh>
    <rPh sb="17" eb="19">
      <t>コウトウ</t>
    </rPh>
    <rPh sb="19" eb="21">
      <t>ガッコウ</t>
    </rPh>
    <rPh sb="22" eb="24">
      <t>ウスダ</t>
    </rPh>
    <rPh sb="24" eb="26">
      <t>コウトウ</t>
    </rPh>
    <rPh sb="26" eb="28">
      <t>ガッコウ</t>
    </rPh>
    <rPh sb="29" eb="31">
      <t>ヘイコウ</t>
    </rPh>
    <phoneticPr fontId="2"/>
  </si>
  <si>
    <t>　佐久平総合技術高等学校となりました。</t>
    <phoneticPr fontId="2"/>
  </si>
  <si>
    <t>令和元年度</t>
    <rPh sb="0" eb="5">
      <t>レイワガンネン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"/>
  </numFmts>
  <fonts count="9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明朝"/>
      <family val="1"/>
      <charset val="128"/>
    </font>
    <font>
      <sz val="11"/>
      <name val="明朝"/>
      <family val="3"/>
      <charset val="128"/>
    </font>
    <font>
      <sz val="10"/>
      <name val="明朝"/>
      <family val="1"/>
      <charset val="128"/>
    </font>
    <font>
      <sz val="9"/>
      <name val="明朝"/>
      <family val="1"/>
      <charset val="128"/>
    </font>
    <font>
      <sz val="6"/>
      <name val="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7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0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176" fontId="5" fillId="0" borderId="0" xfId="0" applyNumberFormat="1" applyFont="1" applyBorder="1" applyAlignment="1">
      <alignment horizontal="right" vertical="center"/>
    </xf>
    <xf numFmtId="38" fontId="5" fillId="0" borderId="0" xfId="1" applyFont="1" applyBorder="1" applyAlignment="1">
      <alignment horizontal="right" vertical="center"/>
    </xf>
    <xf numFmtId="0" fontId="5" fillId="0" borderId="0" xfId="0" applyFont="1" applyBorder="1" applyAlignment="1">
      <alignment horizontal="right" vertical="center"/>
    </xf>
    <xf numFmtId="0" fontId="5" fillId="0" borderId="0" xfId="0" applyFont="1" applyAlignment="1">
      <alignment vertical="center"/>
    </xf>
    <xf numFmtId="49" fontId="3" fillId="0" borderId="0" xfId="0" applyNumberFormat="1" applyFont="1" applyAlignment="1">
      <alignment vertical="center"/>
    </xf>
    <xf numFmtId="38" fontId="5" fillId="0" borderId="1" xfId="1" applyFont="1" applyBorder="1" applyAlignment="1">
      <alignment horizontal="right" vertical="center"/>
    </xf>
    <xf numFmtId="0" fontId="4" fillId="0" borderId="0" xfId="0" applyFont="1" applyBorder="1" applyAlignment="1">
      <alignment vertical="center"/>
    </xf>
    <xf numFmtId="0" fontId="6" fillId="0" borderId="2" xfId="0" applyFont="1" applyBorder="1" applyAlignment="1">
      <alignment horizontal="center" vertical="center"/>
    </xf>
    <xf numFmtId="38" fontId="5" fillId="0" borderId="3" xfId="1" applyFont="1" applyBorder="1" applyAlignment="1">
      <alignment horizontal="right" vertical="center"/>
    </xf>
    <xf numFmtId="0" fontId="8" fillId="0" borderId="0" xfId="0" applyFont="1" applyAlignment="1">
      <alignment vertical="center"/>
    </xf>
    <xf numFmtId="0" fontId="5" fillId="0" borderId="6" xfId="0" applyFont="1" applyBorder="1" applyAlignment="1">
      <alignment horizontal="center" vertical="center"/>
    </xf>
    <xf numFmtId="0" fontId="7" fillId="0" borderId="4" xfId="0" applyFont="1" applyBorder="1" applyAlignment="1">
      <alignment horizontal="distributed" vertical="center" wrapText="1"/>
    </xf>
    <xf numFmtId="0" fontId="7" fillId="0" borderId="5" xfId="0" applyFont="1" applyBorder="1" applyAlignment="1">
      <alignment horizontal="distributed" vertical="center"/>
    </xf>
    <xf numFmtId="0" fontId="5" fillId="0" borderId="4" xfId="0" applyFont="1" applyBorder="1" applyAlignment="1">
      <alignment horizontal="center" vertical="center"/>
    </xf>
    <xf numFmtId="0" fontId="5" fillId="0" borderId="2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8"/>
  <sheetViews>
    <sheetView tabSelected="1" zoomScaleNormal="100" zoomScaleSheetLayoutView="100" workbookViewId="0">
      <pane xSplit="1" ySplit="4" topLeftCell="B11" activePane="bottomRight" state="frozen"/>
      <selection pane="topRight" activeCell="C1" sqref="C1"/>
      <selection pane="bottomLeft" activeCell="A7" sqref="A7"/>
      <selection pane="bottomRight"/>
    </sheetView>
  </sheetViews>
  <sheetFormatPr defaultRowHeight="13.5"/>
  <cols>
    <col min="1" max="1" width="9.625" style="2" customWidth="1"/>
    <col min="2" max="4" width="5.875" style="2" customWidth="1"/>
    <col min="5" max="5" width="6.625" style="2" customWidth="1"/>
    <col min="6" max="9" width="6.375" style="2" customWidth="1"/>
    <col min="10" max="10" width="6.625" style="2" customWidth="1"/>
    <col min="11" max="11" width="7.375" style="2" customWidth="1"/>
    <col min="12" max="12" width="6.125" style="2" customWidth="1"/>
    <col min="13" max="16384" width="9" style="2"/>
  </cols>
  <sheetData>
    <row r="1" spans="1:12" ht="18.75" customHeight="1">
      <c r="A1" s="1" t="s">
        <v>14</v>
      </c>
      <c r="F1" s="8"/>
      <c r="L1" s="3" t="s">
        <v>12</v>
      </c>
    </row>
    <row r="2" spans="1:12" ht="18.75" customHeight="1">
      <c r="A2" s="17" t="s">
        <v>8</v>
      </c>
      <c r="B2" s="14" t="s">
        <v>1</v>
      </c>
      <c r="C2" s="14"/>
      <c r="D2" s="14"/>
      <c r="E2" s="14" t="s">
        <v>7</v>
      </c>
      <c r="F2" s="14"/>
      <c r="G2" s="14"/>
      <c r="H2" s="14"/>
      <c r="I2" s="14"/>
      <c r="J2" s="14" t="s">
        <v>6</v>
      </c>
      <c r="K2" s="14"/>
      <c r="L2" s="14" t="s">
        <v>4</v>
      </c>
    </row>
    <row r="3" spans="1:12" ht="18.75" customHeight="1">
      <c r="A3" s="18"/>
      <c r="B3" s="14" t="s">
        <v>0</v>
      </c>
      <c r="C3" s="14" t="s">
        <v>9</v>
      </c>
      <c r="D3" s="14" t="s">
        <v>11</v>
      </c>
      <c r="E3" s="14" t="s">
        <v>0</v>
      </c>
      <c r="F3" s="14" t="s">
        <v>2</v>
      </c>
      <c r="G3" s="14" t="s">
        <v>3</v>
      </c>
      <c r="H3" s="14" t="s">
        <v>9</v>
      </c>
      <c r="I3" s="14" t="s">
        <v>11</v>
      </c>
      <c r="J3" s="14" t="s">
        <v>0</v>
      </c>
      <c r="K3" s="15" t="s">
        <v>10</v>
      </c>
      <c r="L3" s="14"/>
    </row>
    <row r="4" spans="1:12" ht="18.75" customHeight="1">
      <c r="A4" s="19"/>
      <c r="B4" s="14"/>
      <c r="C4" s="14"/>
      <c r="D4" s="14"/>
      <c r="E4" s="14"/>
      <c r="F4" s="14"/>
      <c r="G4" s="14"/>
      <c r="H4" s="14"/>
      <c r="I4" s="14"/>
      <c r="J4" s="14"/>
      <c r="K4" s="16"/>
      <c r="L4" s="14"/>
    </row>
    <row r="5" spans="1:12" ht="27" customHeight="1">
      <c r="A5" s="11" t="s">
        <v>13</v>
      </c>
      <c r="B5" s="5">
        <v>7</v>
      </c>
      <c r="C5" s="5">
        <v>6</v>
      </c>
      <c r="D5" s="5">
        <v>1</v>
      </c>
      <c r="E5" s="5">
        <v>5247</v>
      </c>
      <c r="F5" s="5">
        <v>2782</v>
      </c>
      <c r="G5" s="5">
        <v>2465</v>
      </c>
      <c r="H5" s="5">
        <v>4131</v>
      </c>
      <c r="I5" s="5">
        <v>1116</v>
      </c>
      <c r="J5" s="5">
        <v>370</v>
      </c>
      <c r="K5" s="4">
        <f t="shared" ref="K5:K15" si="0">E5/J5</f>
        <v>14.18108108108108</v>
      </c>
      <c r="L5" s="12">
        <v>126</v>
      </c>
    </row>
    <row r="6" spans="1:12" ht="27" customHeight="1">
      <c r="A6" s="11">
        <v>14</v>
      </c>
      <c r="B6" s="5">
        <v>8</v>
      </c>
      <c r="C6" s="5">
        <v>6</v>
      </c>
      <c r="D6" s="5">
        <v>2</v>
      </c>
      <c r="E6" s="5">
        <v>5134</v>
      </c>
      <c r="F6" s="5">
        <v>2749</v>
      </c>
      <c r="G6" s="5">
        <v>2385</v>
      </c>
      <c r="H6" s="5">
        <v>4043</v>
      </c>
      <c r="I6" s="5">
        <v>1091</v>
      </c>
      <c r="J6" s="5">
        <v>358</v>
      </c>
      <c r="K6" s="4">
        <f t="shared" si="0"/>
        <v>14.340782122905027</v>
      </c>
      <c r="L6" s="12">
        <v>130</v>
      </c>
    </row>
    <row r="7" spans="1:12" ht="27" customHeight="1">
      <c r="A7" s="11">
        <v>15</v>
      </c>
      <c r="B7" s="5">
        <v>8</v>
      </c>
      <c r="C7" s="5">
        <v>6</v>
      </c>
      <c r="D7" s="5">
        <v>2</v>
      </c>
      <c r="E7" s="5">
        <v>4994</v>
      </c>
      <c r="F7" s="5">
        <v>2709</v>
      </c>
      <c r="G7" s="5">
        <v>2285</v>
      </c>
      <c r="H7" s="5">
        <v>3944</v>
      </c>
      <c r="I7" s="5">
        <v>1050</v>
      </c>
      <c r="J7" s="5">
        <v>354</v>
      </c>
      <c r="K7" s="4">
        <f t="shared" si="0"/>
        <v>14.107344632768362</v>
      </c>
      <c r="L7" s="12">
        <v>122</v>
      </c>
    </row>
    <row r="8" spans="1:12" ht="27" customHeight="1">
      <c r="A8" s="11">
        <v>16</v>
      </c>
      <c r="B8" s="5">
        <v>8</v>
      </c>
      <c r="C8" s="5">
        <v>6</v>
      </c>
      <c r="D8" s="5">
        <v>2</v>
      </c>
      <c r="E8" s="5">
        <v>4862</v>
      </c>
      <c r="F8" s="5">
        <v>2690</v>
      </c>
      <c r="G8" s="5">
        <v>2172</v>
      </c>
      <c r="H8" s="5">
        <v>3787</v>
      </c>
      <c r="I8" s="5">
        <v>1075</v>
      </c>
      <c r="J8" s="5">
        <v>353</v>
      </c>
      <c r="K8" s="4">
        <f t="shared" si="0"/>
        <v>13.773371104815864</v>
      </c>
      <c r="L8" s="12">
        <v>121</v>
      </c>
    </row>
    <row r="9" spans="1:12" ht="27" customHeight="1">
      <c r="A9" s="11">
        <v>17</v>
      </c>
      <c r="B9" s="5">
        <v>8</v>
      </c>
      <c r="C9" s="5">
        <v>6</v>
      </c>
      <c r="D9" s="5">
        <v>2</v>
      </c>
      <c r="E9" s="5">
        <v>4726</v>
      </c>
      <c r="F9" s="5">
        <v>2634</v>
      </c>
      <c r="G9" s="5">
        <v>2092</v>
      </c>
      <c r="H9" s="5">
        <v>3643</v>
      </c>
      <c r="I9" s="5">
        <v>1083</v>
      </c>
      <c r="J9" s="5">
        <v>348</v>
      </c>
      <c r="K9" s="4">
        <f t="shared" si="0"/>
        <v>13.580459770114942</v>
      </c>
      <c r="L9" s="12">
        <v>119</v>
      </c>
    </row>
    <row r="10" spans="1:12" ht="27" customHeight="1">
      <c r="A10" s="11">
        <v>18</v>
      </c>
      <c r="B10" s="9">
        <v>8</v>
      </c>
      <c r="C10" s="5">
        <v>6</v>
      </c>
      <c r="D10" s="5">
        <v>2</v>
      </c>
      <c r="E10" s="5">
        <v>4540</v>
      </c>
      <c r="F10" s="5">
        <v>2479</v>
      </c>
      <c r="G10" s="5">
        <v>2061</v>
      </c>
      <c r="H10" s="5">
        <v>3464</v>
      </c>
      <c r="I10" s="5">
        <v>1076</v>
      </c>
      <c r="J10" s="5">
        <v>331</v>
      </c>
      <c r="K10" s="4">
        <f t="shared" si="0"/>
        <v>13.716012084592146</v>
      </c>
      <c r="L10" s="12">
        <v>120</v>
      </c>
    </row>
    <row r="11" spans="1:12" ht="27" customHeight="1">
      <c r="A11" s="11">
        <v>19</v>
      </c>
      <c r="B11" s="9">
        <v>8</v>
      </c>
      <c r="C11" s="5">
        <v>6</v>
      </c>
      <c r="D11" s="5">
        <v>2</v>
      </c>
      <c r="E11" s="5">
        <v>4364</v>
      </c>
      <c r="F11" s="5">
        <v>2333</v>
      </c>
      <c r="G11" s="5">
        <v>2031</v>
      </c>
      <c r="H11" s="5">
        <v>3286</v>
      </c>
      <c r="I11" s="5">
        <v>1078</v>
      </c>
      <c r="J11" s="5">
        <v>330</v>
      </c>
      <c r="K11" s="4">
        <f t="shared" si="0"/>
        <v>13.224242424242425</v>
      </c>
      <c r="L11" s="12">
        <v>120</v>
      </c>
    </row>
    <row r="12" spans="1:12" ht="27" customHeight="1">
      <c r="A12" s="11">
        <v>20</v>
      </c>
      <c r="B12" s="9">
        <v>8</v>
      </c>
      <c r="C12" s="5">
        <v>6</v>
      </c>
      <c r="D12" s="5">
        <v>2</v>
      </c>
      <c r="E12" s="5">
        <v>4434</v>
      </c>
      <c r="F12" s="5">
        <v>2373</v>
      </c>
      <c r="G12" s="5">
        <v>2061</v>
      </c>
      <c r="H12" s="5">
        <v>3252</v>
      </c>
      <c r="I12" s="5">
        <v>1182</v>
      </c>
      <c r="J12" s="5">
        <v>338</v>
      </c>
      <c r="K12" s="4">
        <f t="shared" si="0"/>
        <v>13.118343195266272</v>
      </c>
      <c r="L12" s="12">
        <v>123</v>
      </c>
    </row>
    <row r="13" spans="1:12" s="10" customFormat="1" ht="27" customHeight="1">
      <c r="A13" s="11">
        <v>21</v>
      </c>
      <c r="B13" s="9">
        <v>8</v>
      </c>
      <c r="C13" s="5">
        <v>6</v>
      </c>
      <c r="D13" s="5">
        <v>2</v>
      </c>
      <c r="E13" s="5">
        <v>4409</v>
      </c>
      <c r="F13" s="5">
        <v>2425</v>
      </c>
      <c r="G13" s="5">
        <v>1984</v>
      </c>
      <c r="H13" s="5">
        <v>3248</v>
      </c>
      <c r="I13" s="5">
        <v>1161</v>
      </c>
      <c r="J13" s="5">
        <v>335</v>
      </c>
      <c r="K13" s="4">
        <f t="shared" si="0"/>
        <v>13.161194029850746</v>
      </c>
      <c r="L13" s="12">
        <v>125</v>
      </c>
    </row>
    <row r="14" spans="1:12" ht="27" customHeight="1">
      <c r="A14" s="11">
        <v>22</v>
      </c>
      <c r="B14" s="5">
        <v>8</v>
      </c>
      <c r="C14" s="5">
        <v>6</v>
      </c>
      <c r="D14" s="5">
        <v>2</v>
      </c>
      <c r="E14" s="5">
        <v>4473</v>
      </c>
      <c r="F14" s="5">
        <v>2525</v>
      </c>
      <c r="G14" s="5">
        <v>1948</v>
      </c>
      <c r="H14" s="5">
        <v>3247</v>
      </c>
      <c r="I14" s="5">
        <v>1226</v>
      </c>
      <c r="J14" s="5">
        <v>342</v>
      </c>
      <c r="K14" s="4">
        <f t="shared" si="0"/>
        <v>13.078947368421053</v>
      </c>
      <c r="L14" s="12">
        <v>127</v>
      </c>
    </row>
    <row r="15" spans="1:12" ht="27" customHeight="1">
      <c r="A15" s="11">
        <v>23</v>
      </c>
      <c r="B15" s="5">
        <v>7</v>
      </c>
      <c r="C15" s="5">
        <v>6</v>
      </c>
      <c r="D15" s="5">
        <v>1</v>
      </c>
      <c r="E15" s="5">
        <v>4203</v>
      </c>
      <c r="F15" s="5">
        <v>2289</v>
      </c>
      <c r="G15" s="5">
        <v>1914</v>
      </c>
      <c r="H15" s="5">
        <v>3221</v>
      </c>
      <c r="I15" s="5">
        <v>982</v>
      </c>
      <c r="J15" s="5">
        <v>317</v>
      </c>
      <c r="K15" s="4">
        <f t="shared" si="0"/>
        <v>13.258675078864353</v>
      </c>
      <c r="L15" s="12">
        <v>122</v>
      </c>
    </row>
    <row r="16" spans="1:12" ht="27" customHeight="1">
      <c r="A16" s="11">
        <v>24</v>
      </c>
      <c r="B16" s="5">
        <v>7</v>
      </c>
      <c r="C16" s="5">
        <v>6</v>
      </c>
      <c r="D16" s="5">
        <v>1</v>
      </c>
      <c r="E16" s="5">
        <v>4187</v>
      </c>
      <c r="F16" s="5">
        <v>2270</v>
      </c>
      <c r="G16" s="5">
        <v>1917</v>
      </c>
      <c r="H16" s="5">
        <v>3229</v>
      </c>
      <c r="I16" s="5">
        <v>958</v>
      </c>
      <c r="J16" s="5">
        <v>319</v>
      </c>
      <c r="K16" s="4">
        <f t="shared" ref="K16:K23" si="1">E16/J16</f>
        <v>13.12539184952978</v>
      </c>
      <c r="L16" s="12">
        <v>126</v>
      </c>
    </row>
    <row r="17" spans="1:12" ht="27" customHeight="1">
      <c r="A17" s="11">
        <v>25</v>
      </c>
      <c r="B17" s="5">
        <v>7</v>
      </c>
      <c r="C17" s="5">
        <v>6</v>
      </c>
      <c r="D17" s="5">
        <v>1</v>
      </c>
      <c r="E17" s="5">
        <v>4068</v>
      </c>
      <c r="F17" s="5">
        <v>2228</v>
      </c>
      <c r="G17" s="5">
        <v>1840</v>
      </c>
      <c r="H17" s="5">
        <v>3153</v>
      </c>
      <c r="I17" s="5">
        <v>915</v>
      </c>
      <c r="J17" s="5">
        <v>317</v>
      </c>
      <c r="K17" s="4">
        <f t="shared" si="1"/>
        <v>12.832807570977918</v>
      </c>
      <c r="L17" s="12">
        <v>132</v>
      </c>
    </row>
    <row r="18" spans="1:12" ht="27" customHeight="1">
      <c r="A18" s="11">
        <v>26</v>
      </c>
      <c r="B18" s="5">
        <v>7</v>
      </c>
      <c r="C18" s="5">
        <v>6</v>
      </c>
      <c r="D18" s="5">
        <v>1</v>
      </c>
      <c r="E18" s="5">
        <v>3989</v>
      </c>
      <c r="F18" s="5">
        <v>2247</v>
      </c>
      <c r="G18" s="5">
        <v>1742</v>
      </c>
      <c r="H18" s="5">
        <v>3076</v>
      </c>
      <c r="I18" s="5">
        <v>913</v>
      </c>
      <c r="J18" s="5">
        <v>310</v>
      </c>
      <c r="K18" s="4">
        <f t="shared" si="1"/>
        <v>12.86774193548387</v>
      </c>
      <c r="L18" s="12">
        <v>130</v>
      </c>
    </row>
    <row r="19" spans="1:12" ht="27" customHeight="1">
      <c r="A19" s="11">
        <v>27</v>
      </c>
      <c r="B19" s="5">
        <v>6</v>
      </c>
      <c r="C19" s="5">
        <v>5</v>
      </c>
      <c r="D19" s="5">
        <v>1</v>
      </c>
      <c r="E19" s="5">
        <v>3875</v>
      </c>
      <c r="F19" s="5">
        <v>2173</v>
      </c>
      <c r="G19" s="5">
        <v>1702</v>
      </c>
      <c r="H19" s="5">
        <v>2982</v>
      </c>
      <c r="I19" s="5">
        <v>893</v>
      </c>
      <c r="J19" s="5">
        <v>302</v>
      </c>
      <c r="K19" s="4">
        <f t="shared" si="1"/>
        <v>12.831125827814569</v>
      </c>
      <c r="L19" s="12">
        <v>113</v>
      </c>
    </row>
    <row r="20" spans="1:12" ht="27" customHeight="1">
      <c r="A20" s="11">
        <v>28</v>
      </c>
      <c r="B20" s="5">
        <v>6</v>
      </c>
      <c r="C20" s="5">
        <v>5</v>
      </c>
      <c r="D20" s="5">
        <v>1</v>
      </c>
      <c r="E20" s="5">
        <v>3813</v>
      </c>
      <c r="F20" s="5">
        <v>2119</v>
      </c>
      <c r="G20" s="5">
        <v>1694</v>
      </c>
      <c r="H20" s="5">
        <v>2906</v>
      </c>
      <c r="I20" s="5">
        <v>907</v>
      </c>
      <c r="J20" s="5">
        <v>303</v>
      </c>
      <c r="K20" s="4">
        <f t="shared" si="1"/>
        <v>12.584158415841584</v>
      </c>
      <c r="L20" s="12">
        <v>120</v>
      </c>
    </row>
    <row r="21" spans="1:12" ht="27" customHeight="1">
      <c r="A21" s="11">
        <v>29</v>
      </c>
      <c r="B21" s="5">
        <v>6</v>
      </c>
      <c r="C21" s="5">
        <v>5</v>
      </c>
      <c r="D21" s="5">
        <v>1</v>
      </c>
      <c r="E21" s="5">
        <v>3812</v>
      </c>
      <c r="F21" s="5">
        <v>2091</v>
      </c>
      <c r="G21" s="5">
        <v>1721</v>
      </c>
      <c r="H21" s="5">
        <v>2845</v>
      </c>
      <c r="I21" s="5">
        <v>967</v>
      </c>
      <c r="J21" s="5">
        <v>298</v>
      </c>
      <c r="K21" s="4">
        <f>E21/J21</f>
        <v>12.791946308724832</v>
      </c>
      <c r="L21" s="12">
        <v>123</v>
      </c>
    </row>
    <row r="22" spans="1:12" ht="27" customHeight="1">
      <c r="A22" s="11">
        <v>30</v>
      </c>
      <c r="B22" s="5">
        <v>6</v>
      </c>
      <c r="C22" s="5">
        <v>5</v>
      </c>
      <c r="D22" s="5">
        <v>1</v>
      </c>
      <c r="E22" s="5">
        <v>3813</v>
      </c>
      <c r="F22" s="5">
        <v>2103</v>
      </c>
      <c r="G22" s="5">
        <v>1710</v>
      </c>
      <c r="H22" s="5">
        <v>2774</v>
      </c>
      <c r="I22" s="5">
        <v>1039</v>
      </c>
      <c r="J22" s="5">
        <v>300</v>
      </c>
      <c r="K22" s="4">
        <f>E22/J22</f>
        <v>12.71</v>
      </c>
      <c r="L22" s="12">
        <v>122</v>
      </c>
    </row>
    <row r="23" spans="1:12" ht="27" customHeight="1">
      <c r="A23" s="11" t="s">
        <v>18</v>
      </c>
      <c r="B23" s="5">
        <v>6</v>
      </c>
      <c r="C23" s="5">
        <v>5</v>
      </c>
      <c r="D23" s="5">
        <v>1</v>
      </c>
      <c r="E23" s="5">
        <v>3763</v>
      </c>
      <c r="F23" s="5">
        <v>2050</v>
      </c>
      <c r="G23" s="5">
        <v>1713</v>
      </c>
      <c r="H23" s="5">
        <v>2713</v>
      </c>
      <c r="I23" s="5">
        <v>1050</v>
      </c>
      <c r="J23" s="5">
        <v>289</v>
      </c>
      <c r="K23" s="4">
        <f t="shared" si="1"/>
        <v>13.020761245674741</v>
      </c>
      <c r="L23" s="12">
        <v>132</v>
      </c>
    </row>
    <row r="24" spans="1:12" ht="18.75" customHeight="1">
      <c r="A24" s="7" t="s">
        <v>5</v>
      </c>
      <c r="C24" s="5"/>
      <c r="D24" s="5"/>
      <c r="E24" s="5"/>
      <c r="F24" s="5"/>
      <c r="G24" s="5"/>
      <c r="H24" s="5"/>
      <c r="I24" s="5"/>
      <c r="J24" s="5"/>
      <c r="K24" s="4"/>
      <c r="L24" s="6"/>
    </row>
    <row r="25" spans="1:12" ht="18.75" customHeight="1">
      <c r="A25" s="13" t="s">
        <v>15</v>
      </c>
      <c r="C25" s="5"/>
      <c r="D25" s="5"/>
      <c r="E25" s="5"/>
      <c r="F25" s="5"/>
      <c r="G25" s="5"/>
      <c r="H25" s="5"/>
      <c r="I25" s="5"/>
      <c r="J25" s="5"/>
      <c r="K25" s="4"/>
      <c r="L25" s="6"/>
    </row>
    <row r="26" spans="1:12" ht="18.75" customHeight="1">
      <c r="A26" s="13" t="s">
        <v>16</v>
      </c>
      <c r="C26" s="5"/>
      <c r="D26" s="5"/>
      <c r="E26" s="5"/>
      <c r="F26" s="5"/>
      <c r="G26" s="5"/>
      <c r="H26" s="5"/>
      <c r="I26" s="5"/>
      <c r="J26" s="5"/>
      <c r="K26" s="4"/>
      <c r="L26" s="6"/>
    </row>
    <row r="27" spans="1:12" ht="18.75" customHeight="1">
      <c r="A27" s="13" t="s">
        <v>17</v>
      </c>
      <c r="C27" s="5"/>
      <c r="D27" s="5"/>
      <c r="E27" s="5"/>
      <c r="F27" s="5"/>
      <c r="G27" s="5"/>
      <c r="H27" s="5"/>
      <c r="I27" s="5"/>
      <c r="J27" s="5"/>
      <c r="K27" s="4"/>
      <c r="L27" s="6"/>
    </row>
    <row r="28" spans="1:12" ht="13.5" customHeight="1"/>
  </sheetData>
  <mergeCells count="15">
    <mergeCell ref="A2:A4"/>
    <mergeCell ref="B2:D2"/>
    <mergeCell ref="E2:I2"/>
    <mergeCell ref="I3:I4"/>
    <mergeCell ref="E3:E4"/>
    <mergeCell ref="B3:B4"/>
    <mergeCell ref="L2:L4"/>
    <mergeCell ref="C3:C4"/>
    <mergeCell ref="D3:D4"/>
    <mergeCell ref="J3:J4"/>
    <mergeCell ref="F3:F4"/>
    <mergeCell ref="G3:G4"/>
    <mergeCell ref="H3:H4"/>
    <mergeCell ref="K3:K4"/>
    <mergeCell ref="J2:K2"/>
  </mergeCells>
  <phoneticPr fontId="2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0-10</vt:lpstr>
      <vt:lpstr>'20-10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WS22082</dc:creator>
  <cp:lastModifiedBy>Administrator</cp:lastModifiedBy>
  <cp:lastPrinted>2021-02-06T03:10:16Z</cp:lastPrinted>
  <dcterms:created xsi:type="dcterms:W3CDTF">1997-01-08T22:48:59Z</dcterms:created>
  <dcterms:modified xsi:type="dcterms:W3CDTF">2021-02-06T03:10:33Z</dcterms:modified>
</cp:coreProperties>
</file>